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54431\Desktop\令和7年度昇段試験関係\令和７年度関係\昇段試験（１１月）\"/>
    </mc:Choice>
  </mc:AlternateContent>
  <xr:revisionPtr revIDLastSave="0" documentId="13_ncr:1_{59F97E40-2955-482F-B2F1-8A911A2097BE}" xr6:coauthVersionLast="47" xr6:coauthVersionMax="47" xr10:uidLastSave="{00000000-0000-0000-0000-000000000000}"/>
  <bookViews>
    <workbookView xWindow="-120" yWindow="-120" windowWidth="20730" windowHeight="11040" xr2:uid="{38E65F90-EBA6-43D8-818F-E7F50F828D7B}"/>
  </bookViews>
  <sheets>
    <sheet name="入力シート" sheetId="1" r:id="rId1"/>
  </sheets>
  <definedNames>
    <definedName name="_xlnm.Print_Area" localSheetId="0">入力シート!$A$2:$O$23</definedName>
  </definedNames>
  <calcPr calcId="191029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24" uniqueCount="24">
  <si>
    <t>受験段位</t>
    <rPh sb="0" eb="2">
      <t>ジュケン</t>
    </rPh>
    <rPh sb="2" eb="4">
      <t>ダンイ</t>
    </rPh>
    <phoneticPr fontId="1"/>
  </si>
  <si>
    <t>氏名</t>
    <rPh sb="0" eb="2">
      <t>シメイ</t>
    </rPh>
    <phoneticPr fontId="1"/>
  </si>
  <si>
    <t>ふりがな</t>
    <phoneticPr fontId="1"/>
  </si>
  <si>
    <t>性別</t>
    <rPh sb="0" eb="2">
      <t>セイベツ</t>
    </rPh>
    <phoneticPr fontId="1"/>
  </si>
  <si>
    <t>生年月日</t>
    <rPh sb="0" eb="2">
      <t>セイネン</t>
    </rPh>
    <rPh sb="2" eb="4">
      <t>ガッピ</t>
    </rPh>
    <phoneticPr fontId="1"/>
  </si>
  <si>
    <t>メンバーID(9桁）</t>
    <rPh sb="8" eb="9">
      <t>ケタ</t>
    </rPh>
    <phoneticPr fontId="1"/>
  </si>
  <si>
    <t>No</t>
    <phoneticPr fontId="1"/>
  </si>
  <si>
    <t>住所</t>
    <rPh sb="0" eb="2">
      <t>ジュウショ</t>
    </rPh>
    <phoneticPr fontId="1"/>
  </si>
  <si>
    <t>郵便番号</t>
    <rPh sb="0" eb="4">
      <t>ユウビンバンゴウ</t>
    </rPh>
    <phoneticPr fontId="1"/>
  </si>
  <si>
    <t>所属（学校、道場等）</t>
    <rPh sb="0" eb="2">
      <t>ショゾク</t>
    </rPh>
    <rPh sb="3" eb="5">
      <t>ガッコウ</t>
    </rPh>
    <rPh sb="6" eb="8">
      <t>ドウジョウ</t>
    </rPh>
    <rPh sb="8" eb="9">
      <t>ナド</t>
    </rPh>
    <phoneticPr fontId="1"/>
  </si>
  <si>
    <t>申し込み責任者</t>
    <rPh sb="0" eb="1">
      <t>モウ</t>
    </rPh>
    <rPh sb="2" eb="3">
      <t>コ</t>
    </rPh>
    <rPh sb="4" eb="7">
      <t>セキニンシャ</t>
    </rPh>
    <phoneticPr fontId="1"/>
  </si>
  <si>
    <t>初</t>
    <rPh sb="0" eb="1">
      <t>ハツ</t>
    </rPh>
    <phoneticPr fontId="1"/>
  </si>
  <si>
    <t>弐</t>
    <rPh sb="0" eb="1">
      <t>ニ</t>
    </rPh>
    <phoneticPr fontId="1"/>
  </si>
  <si>
    <t>参</t>
    <rPh sb="0" eb="1">
      <t>サン</t>
    </rPh>
    <phoneticPr fontId="1"/>
  </si>
  <si>
    <t>男</t>
    <rPh sb="0" eb="1">
      <t>オトコ</t>
    </rPh>
    <phoneticPr fontId="1"/>
  </si>
  <si>
    <t>女</t>
    <rPh sb="0" eb="1">
      <t>オンナ</t>
    </rPh>
    <phoneticPr fontId="1"/>
  </si>
  <si>
    <t>備考</t>
    <rPh sb="0" eb="2">
      <t>ビコウ</t>
    </rPh>
    <phoneticPr fontId="1"/>
  </si>
  <si>
    <t>緊急連絡先</t>
    <rPh sb="0" eb="2">
      <t>キンキュウ</t>
    </rPh>
    <rPh sb="2" eb="5">
      <t>レンラクサキ</t>
    </rPh>
    <phoneticPr fontId="1"/>
  </si>
  <si>
    <t>下の表と責任者の欄（黄色）に入力してください。</t>
    <rPh sb="0" eb="1">
      <t>シタ</t>
    </rPh>
    <rPh sb="2" eb="3">
      <t>ヒョウ</t>
    </rPh>
    <rPh sb="4" eb="7">
      <t>セキニンシャ</t>
    </rPh>
    <rPh sb="8" eb="9">
      <t>ラン</t>
    </rPh>
    <rPh sb="10" eb="12">
      <t>キイロ</t>
    </rPh>
    <rPh sb="14" eb="16">
      <t>ニュウリョク</t>
    </rPh>
    <phoneticPr fontId="1"/>
  </si>
  <si>
    <t>受験日</t>
    <rPh sb="0" eb="2">
      <t>ジュケン</t>
    </rPh>
    <rPh sb="2" eb="3">
      <t>ビ</t>
    </rPh>
    <phoneticPr fontId="1"/>
  </si>
  <si>
    <t>問い合わせ先電話番号</t>
    <rPh sb="0" eb="1">
      <t>ト</t>
    </rPh>
    <rPh sb="2" eb="3">
      <t>ア</t>
    </rPh>
    <rPh sb="5" eb="6">
      <t>サキ</t>
    </rPh>
    <rPh sb="6" eb="8">
      <t>デンワ</t>
    </rPh>
    <rPh sb="8" eb="10">
      <t>バンゴウ</t>
    </rPh>
    <phoneticPr fontId="1"/>
  </si>
  <si>
    <t>身長</t>
    <rPh sb="0" eb="2">
      <t>シンチョウ</t>
    </rPh>
    <phoneticPr fontId="1"/>
  </si>
  <si>
    <t>体重</t>
    <rPh sb="0" eb="2">
      <t>タイジュウ</t>
    </rPh>
    <phoneticPr fontId="1"/>
  </si>
  <si>
    <t>東播磨地区　昇段試験申し込みシート(11月)</t>
    <rPh sb="0" eb="1">
      <t>ヒガシ</t>
    </rPh>
    <rPh sb="1" eb="3">
      <t>ハリマ</t>
    </rPh>
    <rPh sb="3" eb="5">
      <t>チク</t>
    </rPh>
    <rPh sb="6" eb="8">
      <t>ショウダン</t>
    </rPh>
    <rPh sb="8" eb="10">
      <t>シケン</t>
    </rPh>
    <rPh sb="10" eb="11">
      <t>モウ</t>
    </rPh>
    <rPh sb="12" eb="13">
      <t>コ</t>
    </rPh>
    <rPh sb="20" eb="21">
      <t>ガ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16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0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 vertical="center" shrinkToFit="1"/>
    </xf>
    <xf numFmtId="14" fontId="0" fillId="0" borderId="0" xfId="0" applyNumberFormat="1" applyAlignment="1">
      <alignment horizontal="center" vertical="center" shrinkToFit="1"/>
    </xf>
    <xf numFmtId="49" fontId="0" fillId="0" borderId="0" xfId="0" applyNumberFormat="1" applyAlignment="1">
      <alignment horizontal="center" vertical="center" shrinkToFit="1"/>
    </xf>
    <xf numFmtId="0" fontId="2" fillId="0" borderId="0" xfId="0" applyFont="1">
      <alignment vertical="center"/>
    </xf>
    <xf numFmtId="0" fontId="0" fillId="2" borderId="0" xfId="0" applyFill="1">
      <alignment vertical="center"/>
    </xf>
    <xf numFmtId="56" fontId="0" fillId="0" borderId="0" xfId="0" applyNumberFormat="1" applyAlignment="1">
      <alignment horizontal="center" vertical="center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left" vertical="center"/>
    </xf>
  </cellXfs>
  <cellStyles count="1">
    <cellStyle name="標準" xfId="0" builtinId="0"/>
  </cellStyles>
  <dxfs count="15">
    <dxf>
      <alignment horizontal="center" vertical="center" textRotation="0" wrapText="0" indent="0" justifyLastLine="0" shrinkToFit="1" readingOrder="0"/>
    </dxf>
    <dxf>
      <numFmt numFmtId="30" formatCode="@"/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1" readingOrder="0"/>
    </dxf>
    <dxf>
      <alignment horizontal="center" vertical="center" textRotation="0" wrapText="0" indent="0" justifyLastLine="0" shrinkToFit="0" readingOrder="0"/>
    </dxf>
    <dxf>
      <alignment horizontal="center" vertical="center" textRotation="0" wrapText="0" indent="0" justifyLastLine="0" shrinkToFit="0" readingOrder="0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323849</xdr:colOff>
      <xdr:row>1</xdr:row>
      <xdr:rowOff>185738</xdr:rowOff>
    </xdr:from>
    <xdr:to>
      <xdr:col>18</xdr:col>
      <xdr:colOff>666750</xdr:colOff>
      <xdr:row>4</xdr:row>
      <xdr:rowOff>104776</xdr:rowOff>
    </xdr:to>
    <xdr:sp macro="" textlink="">
      <xdr:nvSpPr>
        <xdr:cNvPr id="2" name="吹き出し: 四角形 1">
          <a:extLst>
            <a:ext uri="{FF2B5EF4-FFF2-40B4-BE49-F238E27FC236}">
              <a16:creationId xmlns:a16="http://schemas.microsoft.com/office/drawing/2014/main" id="{6D6601FD-68EE-4615-9E32-C776F7371593}"/>
            </a:ext>
          </a:extLst>
        </xdr:cNvPr>
        <xdr:cNvSpPr/>
      </xdr:nvSpPr>
      <xdr:spPr>
        <a:xfrm>
          <a:off x="13220699" y="180975"/>
          <a:ext cx="1028701" cy="866775"/>
        </a:xfrm>
        <a:prstGeom prst="wedgeRectCallout">
          <a:avLst>
            <a:gd name="adj1" fmla="val -93047"/>
            <a:gd name="adj2" fmla="val -22539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900"/>
            <a:t>備考欄に緊急連絡先の方の受験者との関係を入力してください。</a:t>
          </a:r>
        </a:p>
      </xdr:txBody>
    </xdr:sp>
    <xdr:clientData/>
  </xdr:twoCellAnchor>
</xdr:wsDr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" xr:uid="{7E41E684-AC26-4CDD-B47D-DF00A2AB746E}" name="テーブル3" displayName="テーブル3" ref="A3:O23" totalsRowShown="0">
  <autoFilter ref="A3:O23" xr:uid="{3F4C7C59-1A26-4AD8-901F-E1C571C74901}">
    <filterColumn colId="0" hiddenButton="1"/>
    <filterColumn colId="1" hiddenButton="1"/>
    <filterColumn colId="2" hiddenButton="1"/>
    <filterColumn colId="3" hiddenButton="1"/>
    <filterColumn colId="4" hiddenButton="1"/>
    <filterColumn colId="5" hiddenButton="1"/>
    <filterColumn colId="6" hiddenButton="1"/>
    <filterColumn colId="7" hiddenButton="1"/>
    <filterColumn colId="8" hiddenButton="1"/>
    <filterColumn colId="9" hiddenButton="1"/>
    <filterColumn colId="10" hiddenButton="1"/>
    <filterColumn colId="11" hiddenButton="1"/>
    <filterColumn colId="12" hiddenButton="1"/>
    <filterColumn colId="13" hiddenButton="1"/>
    <filterColumn colId="14" hiddenButton="1"/>
  </autoFilter>
  <tableColumns count="15">
    <tableColumn id="1" xr3:uid="{00000000-0010-0000-0100-000001000000}" name="No" dataDxfId="14"/>
    <tableColumn id="16" xr3:uid="{00000000-0010-0000-0100-000010000000}" name="受験日" dataDxfId="13"/>
    <tableColumn id="2" xr3:uid="{00000000-0010-0000-0100-000002000000}" name="受験段位" dataDxfId="12"/>
    <tableColumn id="3" xr3:uid="{00000000-0010-0000-0100-000003000000}" name="メンバーID(9桁）" dataDxfId="11"/>
    <tableColumn id="4" xr3:uid="{00000000-0010-0000-0100-000004000000}" name="氏名" dataDxfId="10"/>
    <tableColumn id="5" xr3:uid="{00000000-0010-0000-0100-000005000000}" name="ふりがな" dataDxfId="9"/>
    <tableColumn id="6" xr3:uid="{00000000-0010-0000-0100-000006000000}" name="性別" dataDxfId="8"/>
    <tableColumn id="20" xr3:uid="{7E999069-14F1-4114-AD95-1CEC53CCF531}" name="身長" dataDxfId="7"/>
    <tableColumn id="19" xr3:uid="{37D18CB2-8CB6-4486-93DD-687B79772F85}" name="体重" dataDxfId="6"/>
    <tableColumn id="7" xr3:uid="{00000000-0010-0000-0100-000007000000}" name="生年月日" dataDxfId="5"/>
    <tableColumn id="8" xr3:uid="{00000000-0010-0000-0100-000008000000}" name="郵便番号" dataDxfId="4"/>
    <tableColumn id="9" xr3:uid="{00000000-0010-0000-0100-000009000000}" name="住所" dataDxfId="3"/>
    <tableColumn id="10" xr3:uid="{00000000-0010-0000-0100-00000A000000}" name="所属（学校、道場等）" dataDxfId="2"/>
    <tableColumn id="13" xr3:uid="{00000000-0010-0000-0100-00000D000000}" name="緊急連絡先" dataDxfId="1"/>
    <tableColumn id="14" xr3:uid="{00000000-0010-0000-0100-00000E000000}" name="備考" dataDxfId="0"/>
  </tableColumns>
  <tableStyleInfo name="TableStyleMedium1" showFirstColumn="0" showLastColumn="0" showRowStripes="0" showColumnStripes="1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table" Target="../tables/table1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718E04-622A-432B-BBCC-3DC97B2251E0}">
  <sheetPr>
    <pageSetUpPr fitToPage="1"/>
  </sheetPr>
  <dimension ref="A1:R23"/>
  <sheetViews>
    <sheetView tabSelected="1" workbookViewId="0">
      <selection activeCell="C4" sqref="C4"/>
    </sheetView>
  </sheetViews>
  <sheetFormatPr defaultRowHeight="18.75" x14ac:dyDescent="0.4"/>
  <cols>
    <col min="1" max="1" width="5.375" style="1" customWidth="1"/>
    <col min="2" max="2" width="7.875" style="1" customWidth="1"/>
    <col min="3" max="3" width="7.5" customWidth="1"/>
    <col min="4" max="4" width="11.25" style="1" customWidth="1"/>
    <col min="5" max="6" width="16.25" customWidth="1"/>
    <col min="7" max="7" width="7.375" customWidth="1"/>
    <col min="8" max="9" width="10.5" customWidth="1"/>
    <col min="10" max="10" width="12.5" customWidth="1"/>
    <col min="11" max="11" width="10.25" customWidth="1"/>
    <col min="12" max="12" width="31.25" customWidth="1"/>
    <col min="13" max="13" width="23.5" bestFit="1" customWidth="1"/>
    <col min="14" max="14" width="18.75" customWidth="1"/>
    <col min="17" max="18" width="0" hidden="1" customWidth="1"/>
  </cols>
  <sheetData>
    <row r="1" spans="1:18" x14ac:dyDescent="0.4">
      <c r="A1" s="9" t="s">
        <v>18</v>
      </c>
      <c r="B1" s="9"/>
      <c r="C1" s="9"/>
      <c r="D1" s="9"/>
      <c r="E1" s="9"/>
      <c r="F1" s="9"/>
      <c r="G1" s="9"/>
      <c r="H1" s="9"/>
      <c r="I1" s="9"/>
      <c r="J1" s="9"/>
      <c r="K1" s="9"/>
      <c r="L1" s="9"/>
      <c r="M1" s="9"/>
      <c r="N1" s="9"/>
      <c r="O1" s="9"/>
    </row>
    <row r="2" spans="1:18" ht="25.5" x14ac:dyDescent="0.4">
      <c r="C2" s="5" t="s">
        <v>23</v>
      </c>
      <c r="J2" s="8" t="s">
        <v>10</v>
      </c>
      <c r="K2" s="8"/>
      <c r="L2" s="6"/>
      <c r="M2" s="1" t="s">
        <v>20</v>
      </c>
      <c r="N2" s="6"/>
    </row>
    <row r="3" spans="1:18" ht="22.5" customHeight="1" x14ac:dyDescent="0.4">
      <c r="A3" s="1" t="s">
        <v>6</v>
      </c>
      <c r="B3" s="1" t="s">
        <v>19</v>
      </c>
      <c r="C3" s="2" t="s">
        <v>0</v>
      </c>
      <c r="D3" s="2" t="s">
        <v>5</v>
      </c>
      <c r="E3" s="2" t="s">
        <v>1</v>
      </c>
      <c r="F3" s="2" t="s">
        <v>2</v>
      </c>
      <c r="G3" s="2" t="s">
        <v>3</v>
      </c>
      <c r="H3" s="2" t="s">
        <v>21</v>
      </c>
      <c r="I3" s="2" t="s">
        <v>22</v>
      </c>
      <c r="J3" s="2" t="s">
        <v>4</v>
      </c>
      <c r="K3" s="2" t="s">
        <v>8</v>
      </c>
      <c r="L3" s="2" t="s">
        <v>7</v>
      </c>
      <c r="M3" s="2" t="s">
        <v>9</v>
      </c>
      <c r="N3" s="2" t="s">
        <v>17</v>
      </c>
      <c r="O3" s="1" t="s">
        <v>16</v>
      </c>
    </row>
    <row r="4" spans="1:18" ht="26.25" customHeight="1" x14ac:dyDescent="0.4">
      <c r="A4" s="1">
        <v>1</v>
      </c>
      <c r="B4" s="7"/>
      <c r="C4" s="2"/>
      <c r="D4" s="2"/>
      <c r="E4" s="2"/>
      <c r="F4" s="2"/>
      <c r="G4" s="2"/>
      <c r="H4" s="2"/>
      <c r="I4" s="2"/>
      <c r="J4" s="3"/>
      <c r="K4" s="2"/>
      <c r="L4" s="2"/>
      <c r="M4" s="2"/>
      <c r="N4" s="4"/>
      <c r="O4" s="2"/>
      <c r="Q4" t="s">
        <v>11</v>
      </c>
      <c r="R4" t="s">
        <v>14</v>
      </c>
    </row>
    <row r="5" spans="1:18" ht="26.25" customHeight="1" x14ac:dyDescent="0.4">
      <c r="A5" s="1">
        <v>2</v>
      </c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4"/>
      <c r="O5" s="2"/>
      <c r="Q5" t="s">
        <v>12</v>
      </c>
      <c r="R5" t="s">
        <v>15</v>
      </c>
    </row>
    <row r="6" spans="1:18" ht="26.25" customHeight="1" x14ac:dyDescent="0.4">
      <c r="A6" s="1">
        <v>3</v>
      </c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4"/>
      <c r="O6" s="2"/>
      <c r="Q6" t="s">
        <v>13</v>
      </c>
    </row>
    <row r="7" spans="1:18" ht="26.25" customHeight="1" x14ac:dyDescent="0.4">
      <c r="A7" s="1">
        <v>4</v>
      </c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4"/>
      <c r="O7" s="2"/>
    </row>
    <row r="8" spans="1:18" ht="26.25" customHeight="1" x14ac:dyDescent="0.4">
      <c r="A8" s="1">
        <v>5</v>
      </c>
      <c r="C8" s="2"/>
      <c r="D8" s="2"/>
      <c r="E8" s="2"/>
      <c r="F8" s="2"/>
      <c r="G8" s="2"/>
      <c r="H8" s="2"/>
      <c r="I8" s="2"/>
      <c r="J8" s="2"/>
      <c r="K8" s="2"/>
      <c r="L8" s="2"/>
      <c r="M8" s="2"/>
      <c r="N8" s="4"/>
      <c r="O8" s="2"/>
    </row>
    <row r="9" spans="1:18" ht="26.25" customHeight="1" x14ac:dyDescent="0.4">
      <c r="A9" s="1">
        <v>6</v>
      </c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4"/>
      <c r="O9" s="2"/>
    </row>
    <row r="10" spans="1:18" ht="26.25" customHeight="1" x14ac:dyDescent="0.4">
      <c r="A10" s="1">
        <v>7</v>
      </c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4"/>
      <c r="O10" s="2"/>
    </row>
    <row r="11" spans="1:18" ht="26.25" customHeight="1" x14ac:dyDescent="0.4">
      <c r="A11" s="1">
        <v>8</v>
      </c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4"/>
      <c r="O11" s="2"/>
    </row>
    <row r="12" spans="1:18" ht="26.25" customHeight="1" x14ac:dyDescent="0.4">
      <c r="A12" s="1">
        <v>9</v>
      </c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4"/>
      <c r="O12" s="2"/>
    </row>
    <row r="13" spans="1:18" ht="26.25" customHeight="1" x14ac:dyDescent="0.4">
      <c r="A13" s="1">
        <v>10</v>
      </c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4"/>
      <c r="O13" s="2"/>
    </row>
    <row r="14" spans="1:18" ht="26.25" customHeight="1" x14ac:dyDescent="0.4">
      <c r="A14" s="1">
        <v>11</v>
      </c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4"/>
      <c r="O14" s="2"/>
    </row>
    <row r="15" spans="1:18" ht="26.25" customHeight="1" x14ac:dyDescent="0.4">
      <c r="A15" s="1">
        <v>12</v>
      </c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4"/>
      <c r="O15" s="2"/>
    </row>
    <row r="16" spans="1:18" ht="26.25" customHeight="1" x14ac:dyDescent="0.4">
      <c r="A16" s="1">
        <v>13</v>
      </c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4"/>
      <c r="O16" s="2"/>
    </row>
    <row r="17" spans="1:15" ht="26.25" customHeight="1" x14ac:dyDescent="0.4">
      <c r="A17" s="1">
        <v>14</v>
      </c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4"/>
      <c r="O17" s="2"/>
    </row>
    <row r="18" spans="1:15" ht="26.25" customHeight="1" x14ac:dyDescent="0.4">
      <c r="A18" s="1">
        <v>15</v>
      </c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4"/>
      <c r="O18" s="2"/>
    </row>
    <row r="19" spans="1:15" ht="26.25" customHeight="1" x14ac:dyDescent="0.4">
      <c r="A19" s="1">
        <v>16</v>
      </c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4"/>
      <c r="O19" s="2"/>
    </row>
    <row r="20" spans="1:15" ht="26.25" customHeight="1" x14ac:dyDescent="0.4">
      <c r="A20" s="1">
        <v>17</v>
      </c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4"/>
      <c r="O20" s="2"/>
    </row>
    <row r="21" spans="1:15" ht="26.25" customHeight="1" x14ac:dyDescent="0.4">
      <c r="A21" s="1">
        <v>18</v>
      </c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4"/>
      <c r="O21" s="2"/>
    </row>
    <row r="22" spans="1:15" ht="26.25" customHeight="1" x14ac:dyDescent="0.4">
      <c r="A22" s="1">
        <v>19</v>
      </c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4"/>
      <c r="O22" s="2"/>
    </row>
    <row r="23" spans="1:15" ht="26.25" customHeight="1" x14ac:dyDescent="0.4">
      <c r="A23" s="1">
        <v>20</v>
      </c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4"/>
      <c r="O23" s="2"/>
    </row>
  </sheetData>
  <mergeCells count="2">
    <mergeCell ref="J2:K2"/>
    <mergeCell ref="A1:O1"/>
  </mergeCells>
  <phoneticPr fontId="1"/>
  <dataValidations count="7">
    <dataValidation type="textLength" operator="equal" allowBlank="1" showInputMessage="1" showErrorMessage="1" errorTitle="無効な入力" error="9桁で入力してください。" promptTitle="メンバーIDに関して" prompt="9桁で入力してください。" sqref="D4:D23" xr:uid="{526843C4-D426-4EA4-ACAF-203BA7679B21}">
      <formula1>9</formula1>
    </dataValidation>
    <dataValidation type="date" operator="lessThanOrEqual" allowBlank="1" showInputMessage="1" showErrorMessage="1" errorTitle="無効な入力" error="入力形式を確認してください。_x000a_または生年月日を確認してください。_x000a_中学２年生から受験可能です。" promptTitle="生年月日の入力に関して" prompt="(例)2000/10/10のように半角英数で入力してください。" sqref="J4:J23" xr:uid="{C5883315-395F-4C70-9429-F9D67555EF01}">
      <formula1>41000</formula1>
    </dataValidation>
    <dataValidation type="list" allowBlank="1" showInputMessage="1" showErrorMessage="1" sqref="C4:C23" xr:uid="{C5A7EDAF-3740-4641-A02A-5DA4AB2E9E38}">
      <formula1>$Q$4:$Q$6</formula1>
    </dataValidation>
    <dataValidation type="list" allowBlank="1" showInputMessage="1" showErrorMessage="1" sqref="G4:G23" xr:uid="{ACFDF410-5AC1-4614-8361-C2270262045D}">
      <formula1>$R$4:$R$5</formula1>
    </dataValidation>
    <dataValidation type="textLength" operator="equal" allowBlank="1" showInputMessage="1" showErrorMessage="1" errorTitle="無効な入力" error="入力方法を確認してください。" promptTitle="郵便番号の入力に関して" prompt="7桁（ハイフンなし）で入力してください。" sqref="K4:K23" xr:uid="{B5F49AA4-E915-4F09-8A07-0660FE1329AE}">
      <formula1>7</formula1>
    </dataValidation>
    <dataValidation allowBlank="1" showInputMessage="1" showErrorMessage="1" promptTitle="連絡先の入力に関して" prompt="中学生の場合は、当日連絡がとれる保護者等の連絡先を入力してください。" sqref="N4:N23" xr:uid="{79D108D3-FA35-4301-8FA0-152734950E21}"/>
    <dataValidation allowBlank="1" showInputMessage="1" showErrorMessage="1" promptTitle="住所の入力に関して" prompt="市町村、番地、マンション名を入力してください。" sqref="L4:L23" xr:uid="{2404EB4F-051D-405A-8F95-8E414A0D3D27}"/>
  </dataValidations>
  <pageMargins left="0.70866141732283472" right="0.70866141732283472" top="0.74803149606299213" bottom="0.74803149606299213" header="0.31496062992125984" footer="0.31496062992125984"/>
  <pageSetup paperSize="12" scale="85" orientation="landscape" r:id="rId1"/>
  <drawing r:id="rId2"/>
  <tableParts count="1">
    <tablePart r:id="rId3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力シート</vt:lpstr>
      <vt:lpstr>入力シー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松原 好正</cp:lastModifiedBy>
  <cp:lastPrinted>2022-03-14T02:02:13Z</cp:lastPrinted>
  <dcterms:created xsi:type="dcterms:W3CDTF">2022-03-14T00:50:18Z</dcterms:created>
  <dcterms:modified xsi:type="dcterms:W3CDTF">2025-10-07T05:57:18Z</dcterms:modified>
</cp:coreProperties>
</file>